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EF53E64" w14:textId="0C971D97" w:rsidR="00935333" w:rsidRPr="00935333" w:rsidRDefault="00845A6F" w:rsidP="00A20BD2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lang w:eastAsia="en-GB"/>
        </w:rPr>
      </w:pPr>
      <w:r>
        <w:rPr>
          <w:rFonts w:ascii="Arial" w:eastAsia="Times New Roman" w:hAnsi="Arial" w:cs="Arial"/>
          <w:b/>
          <w:bCs/>
          <w:sz w:val="22"/>
          <w:szCs w:val="22"/>
          <w:lang w:eastAsia="en-GB"/>
        </w:rPr>
        <w:t xml:space="preserve">This Form is to be held and filled in by a </w:t>
      </w:r>
      <w:r w:rsidR="00685711">
        <w:rPr>
          <w:rFonts w:ascii="Arial" w:eastAsia="Times New Roman" w:hAnsi="Arial" w:cs="Arial"/>
          <w:b/>
          <w:bCs/>
          <w:sz w:val="22"/>
          <w:szCs w:val="22"/>
          <w:lang w:eastAsia="en-GB"/>
        </w:rPr>
        <w:t>society Executive role</w:t>
      </w:r>
      <w:r>
        <w:rPr>
          <w:rFonts w:ascii="Arial" w:eastAsia="Times New Roman" w:hAnsi="Arial" w:cs="Arial"/>
          <w:b/>
          <w:bCs/>
          <w:sz w:val="22"/>
          <w:szCs w:val="22"/>
          <w:lang w:eastAsia="en-GB"/>
        </w:rPr>
        <w:t>, to help identify and mitigate risks</w:t>
      </w:r>
    </w:p>
    <w:p w14:paraId="35F0C177" w14:textId="445FFF50" w:rsidR="00A20BD2" w:rsidRDefault="00A20BD2" w:rsidP="00A20BD2">
      <w:pPr>
        <w:rPr>
          <w:rFonts w:ascii="Arial" w:hAnsi="Arial" w:cs="Arial"/>
          <w:b/>
          <w:bCs/>
        </w:rPr>
      </w:pPr>
      <w:r>
        <w:rPr>
          <w:rFonts w:ascii="Arial" w:hAnsi="Arial" w:cs="Arial"/>
          <w:b/>
          <w:bCs/>
        </w:rPr>
        <w:t>Name of Society:</w:t>
      </w:r>
      <w:r>
        <w:rPr>
          <w:rFonts w:ascii="Arial" w:hAnsi="Arial" w:cs="Arial"/>
          <w:b/>
          <w:bCs/>
        </w:rPr>
        <w:br/>
        <w:t>Complete by (Name/Position):</w:t>
      </w:r>
      <w:r>
        <w:rPr>
          <w:rFonts w:ascii="Arial" w:hAnsi="Arial" w:cs="Arial"/>
          <w:b/>
          <w:bCs/>
        </w:rPr>
        <w:br/>
        <w:t>Contact email:</w:t>
      </w:r>
      <w:r>
        <w:rPr>
          <w:rFonts w:ascii="Arial" w:hAnsi="Arial" w:cs="Arial"/>
          <w:b/>
          <w:bCs/>
        </w:rPr>
        <w:br/>
        <w:t xml:space="preserve">Contact telephone: </w:t>
      </w:r>
      <w:r>
        <w:rPr>
          <w:rFonts w:ascii="Arial" w:hAnsi="Arial" w:cs="Arial"/>
          <w:b/>
          <w:bCs/>
        </w:rPr>
        <w:br/>
        <w:t>Additional contacts:</w:t>
      </w:r>
      <w:r>
        <w:rPr>
          <w:rFonts w:ascii="Arial" w:hAnsi="Arial" w:cs="Arial"/>
          <w:b/>
          <w:bCs/>
        </w:rPr>
        <w:br w:type="column"/>
      </w:r>
      <w:r>
        <w:rPr>
          <w:rFonts w:ascii="Arial" w:hAnsi="Arial" w:cs="Arial"/>
          <w:b/>
          <w:bCs/>
        </w:rPr>
        <w:br/>
      </w:r>
    </w:p>
    <w:tbl>
      <w:tblPr>
        <w:tblStyle w:val="TableGrid"/>
        <w:tblpPr w:leftFromText="180" w:rightFromText="180" w:vertAnchor="text" w:horzAnchor="margin" w:tblpY="1740"/>
        <w:tblW w:w="14230" w:type="dxa"/>
        <w:tblLook w:val="04A0" w:firstRow="1" w:lastRow="0" w:firstColumn="1" w:lastColumn="0" w:noHBand="0" w:noVBand="1"/>
      </w:tblPr>
      <w:tblGrid>
        <w:gridCol w:w="2436"/>
        <w:gridCol w:w="2436"/>
        <w:gridCol w:w="4484"/>
        <w:gridCol w:w="2437"/>
        <w:gridCol w:w="2437"/>
      </w:tblGrid>
      <w:tr w:rsidR="00A20BD2" w14:paraId="0902AE1C" w14:textId="77777777" w:rsidTr="00A20BD2">
        <w:trPr>
          <w:trHeight w:val="1387"/>
        </w:trPr>
        <w:tc>
          <w:tcPr>
            <w:tcW w:w="2436" w:type="dxa"/>
          </w:tcPr>
          <w:p w14:paraId="12B92845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 w:rsidRPr="001E7565"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Significant Hazards</w:t>
            </w:r>
            <w:r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  <w:br/>
              <w:t>What might cause harm</w:t>
            </w:r>
          </w:p>
        </w:tc>
        <w:tc>
          <w:tcPr>
            <w:tcW w:w="2436" w:type="dxa"/>
          </w:tcPr>
          <w:p w14:paraId="644AA25A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Risk</w:t>
            </w: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br/>
            </w:r>
            <w:r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  <w:t>Who might be harmed and how?</w:t>
            </w:r>
          </w:p>
        </w:tc>
        <w:tc>
          <w:tcPr>
            <w:tcW w:w="4484" w:type="dxa"/>
          </w:tcPr>
          <w:p w14:paraId="1E434062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Control Measure: existing and proposed</w:t>
            </w: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br/>
            </w:r>
            <w:r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  <w:t>what action are taken to control the risk, what else needs to be done</w:t>
            </w:r>
          </w:p>
        </w:tc>
        <w:tc>
          <w:tcPr>
            <w:tcW w:w="2437" w:type="dxa"/>
          </w:tcPr>
          <w:p w14:paraId="1509BE21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Actioned by Who?</w:t>
            </w:r>
          </w:p>
        </w:tc>
        <w:tc>
          <w:tcPr>
            <w:tcW w:w="2437" w:type="dxa"/>
          </w:tcPr>
          <w:p w14:paraId="31CFB941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 xml:space="preserve">Actioned </w:t>
            </w:r>
            <w:proofErr w:type="gramStart"/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By</w:t>
            </w:r>
            <w:proofErr w:type="gramEnd"/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 xml:space="preserve"> When?</w:t>
            </w:r>
          </w:p>
        </w:tc>
      </w:tr>
      <w:tr w:rsidR="00A20BD2" w14:paraId="43AD00C3" w14:textId="77777777" w:rsidTr="00A20BD2">
        <w:trPr>
          <w:trHeight w:val="1387"/>
        </w:trPr>
        <w:tc>
          <w:tcPr>
            <w:tcW w:w="2436" w:type="dxa"/>
          </w:tcPr>
          <w:p w14:paraId="46DE2430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531F323C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6ED6F7BE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47EB2CF5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24289370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  <w:tr w:rsidR="00A20BD2" w14:paraId="261DD45C" w14:textId="77777777" w:rsidTr="00A20BD2">
        <w:trPr>
          <w:trHeight w:val="1387"/>
        </w:trPr>
        <w:tc>
          <w:tcPr>
            <w:tcW w:w="2436" w:type="dxa"/>
          </w:tcPr>
          <w:p w14:paraId="5F0300D8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11444DAA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04643B84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144BF8BE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419256EF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  <w:tr w:rsidR="00A20BD2" w14:paraId="3F2376FD" w14:textId="77777777" w:rsidTr="00A20BD2">
        <w:trPr>
          <w:trHeight w:val="1387"/>
        </w:trPr>
        <w:tc>
          <w:tcPr>
            <w:tcW w:w="2436" w:type="dxa"/>
          </w:tcPr>
          <w:p w14:paraId="6168967A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0461A3FC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30DCAFF9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1D57AA7E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47345EBE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p w14:paraId="6AB4318A" w14:textId="77777777" w:rsidR="00A20BD2" w:rsidRPr="006962B7" w:rsidRDefault="00A20BD2" w:rsidP="00A20BD2">
      <w:pPr>
        <w:rPr>
          <w:rFonts w:ascii="Arial" w:hAnsi="Arial" w:cs="Arial"/>
          <w:b/>
          <w:bCs/>
        </w:rPr>
      </w:pPr>
      <w:r>
        <w:rPr>
          <w:rFonts w:ascii="Arial" w:hAnsi="Arial" w:cs="Arial"/>
          <w:b/>
          <w:bCs/>
        </w:rPr>
        <w:t xml:space="preserve">Event/Activity: </w:t>
      </w:r>
      <w:r>
        <w:rPr>
          <w:rFonts w:ascii="Arial" w:hAnsi="Arial" w:cs="Arial"/>
          <w:b/>
          <w:bCs/>
        </w:rPr>
        <w:br/>
        <w:t>Event/Activity Location:</w:t>
      </w:r>
      <w:r>
        <w:rPr>
          <w:rFonts w:ascii="Arial" w:hAnsi="Arial" w:cs="Arial"/>
          <w:b/>
          <w:bCs/>
        </w:rPr>
        <w:br/>
        <w:t>Date of Event/Activity:</w:t>
      </w:r>
      <w:r>
        <w:rPr>
          <w:rFonts w:ascii="Arial" w:hAnsi="Arial" w:cs="Arial"/>
          <w:b/>
          <w:bCs/>
        </w:rPr>
        <w:br/>
        <w:t>Date of Risk Assessment:</w:t>
      </w:r>
      <w:r>
        <w:rPr>
          <w:rFonts w:ascii="Arial" w:hAnsi="Arial" w:cs="Arial"/>
          <w:b/>
          <w:bCs/>
        </w:rPr>
        <w:br/>
      </w:r>
      <w:r>
        <w:rPr>
          <w:rFonts w:ascii="Arial" w:hAnsi="Arial" w:cs="Arial"/>
          <w:b/>
          <w:bCs/>
        </w:rPr>
        <w:br/>
        <w:t>Signed:</w:t>
      </w:r>
      <w:r>
        <w:rPr>
          <w:rFonts w:ascii="Arial" w:hAnsi="Arial" w:cs="Arial"/>
          <w:b/>
          <w:bCs/>
        </w:rPr>
        <w:br w:type="column"/>
      </w:r>
    </w:p>
    <w:tbl>
      <w:tblPr>
        <w:tblStyle w:val="TableGrid"/>
        <w:tblpPr w:leftFromText="180" w:rightFromText="180" w:vertAnchor="text" w:horzAnchor="margin" w:tblpY="-386"/>
        <w:tblW w:w="14230" w:type="dxa"/>
        <w:tblLook w:val="04A0" w:firstRow="1" w:lastRow="0" w:firstColumn="1" w:lastColumn="0" w:noHBand="0" w:noVBand="1"/>
      </w:tblPr>
      <w:tblGrid>
        <w:gridCol w:w="2436"/>
        <w:gridCol w:w="2436"/>
        <w:gridCol w:w="4484"/>
        <w:gridCol w:w="2437"/>
        <w:gridCol w:w="2437"/>
      </w:tblGrid>
      <w:tr w:rsidR="00A20BD2" w14:paraId="35D5C3E5" w14:textId="77777777" w:rsidTr="00BB3659">
        <w:trPr>
          <w:trHeight w:val="412"/>
        </w:trPr>
        <w:tc>
          <w:tcPr>
            <w:tcW w:w="2436" w:type="dxa"/>
          </w:tcPr>
          <w:p w14:paraId="1DDD5F17" w14:textId="29D38FFE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 w:rsidRPr="001E7565"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Significant Hazards</w:t>
            </w:r>
          </w:p>
        </w:tc>
        <w:tc>
          <w:tcPr>
            <w:tcW w:w="2436" w:type="dxa"/>
          </w:tcPr>
          <w:p w14:paraId="5095B4AB" w14:textId="6CB2FE52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Risk</w:t>
            </w:r>
          </w:p>
        </w:tc>
        <w:tc>
          <w:tcPr>
            <w:tcW w:w="4484" w:type="dxa"/>
          </w:tcPr>
          <w:p w14:paraId="1A40F09F" w14:textId="4F578C6D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Control Measure: existing and proposed</w:t>
            </w:r>
          </w:p>
        </w:tc>
        <w:tc>
          <w:tcPr>
            <w:tcW w:w="2437" w:type="dxa"/>
          </w:tcPr>
          <w:p w14:paraId="485BB7D6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Actioned by Who?</w:t>
            </w:r>
          </w:p>
        </w:tc>
        <w:tc>
          <w:tcPr>
            <w:tcW w:w="2437" w:type="dxa"/>
          </w:tcPr>
          <w:p w14:paraId="01A86FCD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 xml:space="preserve">Actioned </w:t>
            </w:r>
            <w:proofErr w:type="gramStart"/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>By</w:t>
            </w:r>
            <w:proofErr w:type="gramEnd"/>
            <w: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  <w:t xml:space="preserve"> When?</w:t>
            </w:r>
          </w:p>
        </w:tc>
      </w:tr>
      <w:tr w:rsidR="00A20BD2" w14:paraId="229176A2" w14:textId="77777777" w:rsidTr="00A20BD2">
        <w:trPr>
          <w:trHeight w:val="1387"/>
        </w:trPr>
        <w:tc>
          <w:tcPr>
            <w:tcW w:w="2436" w:type="dxa"/>
          </w:tcPr>
          <w:p w14:paraId="64C8F96A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0D1538EB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023547F2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5115C7B6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4B9B5ED2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  <w:tr w:rsidR="00A20BD2" w14:paraId="552B7040" w14:textId="77777777" w:rsidTr="00A20BD2">
        <w:trPr>
          <w:trHeight w:val="1387"/>
        </w:trPr>
        <w:tc>
          <w:tcPr>
            <w:tcW w:w="2436" w:type="dxa"/>
          </w:tcPr>
          <w:p w14:paraId="4180DE3F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07DAF5F9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761B1830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087BD543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11B12D81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  <w:tr w:rsidR="00A20BD2" w14:paraId="4F7A987A" w14:textId="77777777" w:rsidTr="00A20BD2">
        <w:trPr>
          <w:trHeight w:val="1387"/>
        </w:trPr>
        <w:tc>
          <w:tcPr>
            <w:tcW w:w="2436" w:type="dxa"/>
          </w:tcPr>
          <w:p w14:paraId="7E7E1E8A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4766856D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431972A6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42503228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19A0F8EF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  <w:tr w:rsidR="00A20BD2" w14:paraId="0FD4A135" w14:textId="77777777" w:rsidTr="00A20BD2">
        <w:trPr>
          <w:trHeight w:val="1387"/>
        </w:trPr>
        <w:tc>
          <w:tcPr>
            <w:tcW w:w="2436" w:type="dxa"/>
          </w:tcPr>
          <w:p w14:paraId="18A993F7" w14:textId="77777777" w:rsidR="00A20BD2" w:rsidRPr="001E7565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6" w:type="dxa"/>
          </w:tcPr>
          <w:p w14:paraId="3C9E2F84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4484" w:type="dxa"/>
          </w:tcPr>
          <w:p w14:paraId="1B91AB0E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3E5BF23B" w14:textId="77777777" w:rsidR="00A20BD2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  <w:tc>
          <w:tcPr>
            <w:tcW w:w="2437" w:type="dxa"/>
          </w:tcPr>
          <w:p w14:paraId="68689979" w14:textId="77777777" w:rsidR="00A20BD2" w:rsidRPr="00422B64" w:rsidRDefault="00A20BD2" w:rsidP="00A20BD2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color w:val="D9D9D9" w:themeColor="background1" w:themeShade="D9"/>
                <w:sz w:val="22"/>
                <w:szCs w:val="22"/>
                <w:lang w:eastAsia="en-GB"/>
              </w:rPr>
            </w:pPr>
            <w:bookmarkStart w:id="0" w:name="_GoBack"/>
            <w:bookmarkEnd w:id="0"/>
          </w:p>
        </w:tc>
      </w:tr>
    </w:tbl>
    <w:p w14:paraId="6127F5B8" w14:textId="7973E54A" w:rsidR="00D8245E" w:rsidRPr="00AA21DD" w:rsidRDefault="00A20BD2" w:rsidP="00A20BD2">
      <w:pPr>
        <w:shd w:val="clear" w:color="auto" w:fill="FFFFFF"/>
        <w:spacing w:before="100" w:beforeAutospacing="1" w:after="100" w:afterAutospacing="1"/>
      </w:pPr>
      <w:r>
        <w:rPr>
          <w:rFonts w:ascii="Arial" w:hAnsi="Arial" w:cs="Arial"/>
          <w:b/>
          <w:bCs/>
        </w:rPr>
        <w:t>Date of Risk Assessment:</w:t>
      </w:r>
      <w:r>
        <w:rPr>
          <w:rFonts w:ascii="Arial" w:hAnsi="Arial" w:cs="Arial"/>
          <w:b/>
          <w:bCs/>
        </w:rPr>
        <w:t xml:space="preserve">                             Event/Activity:                          Signed:</w:t>
      </w:r>
      <w:r w:rsidR="00935333" w:rsidRPr="00935333">
        <w:rPr>
          <w:rFonts w:ascii="Times New Roman" w:eastAsia="Times New Roman" w:hAnsi="Times New Roman" w:cs="Times New Roman"/>
          <w:lang w:eastAsia="en-GB"/>
        </w:rPr>
        <w:fldChar w:fldCharType="begin"/>
      </w:r>
      <w:r w:rsidR="0034698E">
        <w:rPr>
          <w:rFonts w:ascii="Times New Roman" w:eastAsia="Times New Roman" w:hAnsi="Times New Roman" w:cs="Times New Roman"/>
          <w:lang w:eastAsia="en-GB"/>
        </w:rPr>
        <w:instrText xml:space="preserve"> INCLUDEPICTURE "C:\\var\\folders\\s7\\28__jk7s7gd__v_1zd7sdwr40000gn\\T\\com.microsoft.Word\\WebArchiveCopyPasteTempFiles\\page3image25235520" \* MERGEFORMAT </w:instrText>
      </w:r>
      <w:r w:rsidR="00935333" w:rsidRPr="00935333">
        <w:rPr>
          <w:rFonts w:ascii="Times New Roman" w:eastAsia="Times New Roman" w:hAnsi="Times New Roman" w:cs="Times New Roman"/>
          <w:lang w:eastAsia="en-GB"/>
        </w:rPr>
        <w:fldChar w:fldCharType="end"/>
      </w:r>
    </w:p>
    <w:sectPr w:rsidR="00D8245E" w:rsidRPr="00AA21DD" w:rsidSect="00A20BD2">
      <w:headerReference w:type="default" r:id="rId7"/>
      <w:footerReference w:type="default" r:id="rId8"/>
      <w:pgSz w:w="16840" w:h="11900" w:orient="landscape"/>
      <w:pgMar w:top="1440" w:right="1440" w:bottom="1440" w:left="1440" w:header="567" w:footer="794" w:gutter="0"/>
      <w:cols w:num="2"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B1CD779" w14:textId="77777777" w:rsidR="00755DF2" w:rsidRDefault="00755DF2" w:rsidP="00935333">
      <w:r>
        <w:separator/>
      </w:r>
    </w:p>
  </w:endnote>
  <w:endnote w:type="continuationSeparator" w:id="0">
    <w:p w14:paraId="2A95D2B9" w14:textId="77777777" w:rsidR="00755DF2" w:rsidRDefault="00755DF2" w:rsidP="0093533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Rama Gothic E Regular">
    <w:panose1 w:val="04050503020B02020202"/>
    <w:charset w:val="00"/>
    <w:family w:val="decorative"/>
    <w:notTrueType/>
    <w:pitch w:val="variable"/>
    <w:sig w:usb0="A00000AF" w:usb1="4000205B" w:usb2="00000000" w:usb3="00000000" w:csb0="00000093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75317378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688FB2A6" w14:textId="75A24E10" w:rsidR="00682C68" w:rsidRDefault="00771E01">
        <w:pPr>
          <w:pStyle w:val="Footer"/>
        </w:pPr>
        <w:r>
          <w:rPr>
            <w:noProof/>
          </w:rPr>
          <w:drawing>
            <wp:anchor distT="0" distB="0" distL="114300" distR="114300" simplePos="0" relativeHeight="251659264" behindDoc="1" locked="0" layoutInCell="1" allowOverlap="1" wp14:anchorId="6E99A0AA" wp14:editId="5D8E53C9">
              <wp:simplePos x="0" y="0"/>
              <wp:positionH relativeFrom="page">
                <wp:align>right</wp:align>
              </wp:positionH>
              <wp:positionV relativeFrom="paragraph">
                <wp:posOffset>-152672</wp:posOffset>
              </wp:positionV>
              <wp:extent cx="1152525" cy="1009015"/>
              <wp:effectExtent l="0" t="0" r="0" b="0"/>
              <wp:wrapTight wrapText="bothSides">
                <wp:wrapPolygon edited="0">
                  <wp:start x="8926" y="1223"/>
                  <wp:lineTo x="2142" y="4078"/>
                  <wp:lineTo x="1428" y="4894"/>
                  <wp:lineTo x="1428" y="19982"/>
                  <wp:lineTo x="3927" y="19982"/>
                  <wp:lineTo x="9283" y="19167"/>
                  <wp:lineTo x="15709" y="16720"/>
                  <wp:lineTo x="15709" y="15089"/>
                  <wp:lineTo x="20350" y="8156"/>
                  <wp:lineTo x="11425" y="1223"/>
                  <wp:lineTo x="8926" y="1223"/>
                </wp:wrapPolygon>
              </wp:wrapTight>
              <wp:docPr id="1" name="Picture 1" descr="Shape&#10;&#10;Description automatically generated with low confidenc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" name="Picture 2" descr="Shape&#10;&#10;Description automatically generated with low confidence"/>
                      <pic:cNvPicPr/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152525" cy="1009015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 w:rsidR="00682C68">
          <w:fldChar w:fldCharType="begin"/>
        </w:r>
        <w:r w:rsidR="00682C68">
          <w:instrText xml:space="preserve"> PAGE   \* MERGEFORMAT </w:instrText>
        </w:r>
        <w:r w:rsidR="00682C68">
          <w:fldChar w:fldCharType="separate"/>
        </w:r>
        <w:r w:rsidR="00682C68">
          <w:rPr>
            <w:noProof/>
          </w:rPr>
          <w:t>2</w:t>
        </w:r>
        <w:r w:rsidR="00682C68">
          <w:rPr>
            <w:noProof/>
          </w:rPr>
          <w:fldChar w:fldCharType="end"/>
        </w:r>
      </w:p>
    </w:sdtContent>
  </w:sdt>
  <w:p w14:paraId="0918CF14" w14:textId="158D4B55" w:rsidR="007A55BD" w:rsidRDefault="007A55B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7162D76" w14:textId="77777777" w:rsidR="00755DF2" w:rsidRDefault="00755DF2" w:rsidP="00935333">
      <w:r>
        <w:separator/>
      </w:r>
    </w:p>
  </w:footnote>
  <w:footnote w:type="continuationSeparator" w:id="0">
    <w:p w14:paraId="4FCF9166" w14:textId="77777777" w:rsidR="00755DF2" w:rsidRDefault="00755DF2" w:rsidP="0093533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0442106" w14:textId="5890C620" w:rsidR="00C036E5" w:rsidRPr="008C5DDC" w:rsidRDefault="00C036E5" w:rsidP="00C036E5">
    <w:pPr>
      <w:shd w:val="clear" w:color="auto" w:fill="FFFFFF"/>
      <w:spacing w:before="100" w:beforeAutospacing="1" w:after="100" w:afterAutospacing="1"/>
      <w:jc w:val="center"/>
      <w:rPr>
        <w:rFonts w:ascii="Rama Gothic E Regular" w:eastAsia="Times New Roman" w:hAnsi="Rama Gothic E Regular" w:cs="Arial"/>
        <w:sz w:val="18"/>
        <w:lang w:eastAsia="en-GB"/>
      </w:rPr>
    </w:pPr>
    <w:r>
      <w:rPr>
        <w:rFonts w:ascii="Rama Gothic E Regular" w:eastAsia="Times New Roman" w:hAnsi="Rama Gothic E Regular" w:cs="Arial"/>
        <w:sz w:val="48"/>
        <w:szCs w:val="42"/>
        <w:u w:val="single"/>
        <w:lang w:eastAsia="en-GB"/>
      </w:rPr>
      <w:t>LCSU</w:t>
    </w:r>
    <w:r>
      <w:rPr>
        <w:rFonts w:ascii="Rama Gothic E Regular" w:eastAsia="Times New Roman" w:hAnsi="Rama Gothic E Regular" w:cs="Arial"/>
        <w:sz w:val="48"/>
        <w:szCs w:val="42"/>
        <w:u w:val="single"/>
        <w:lang w:eastAsia="en-GB"/>
      </w:rPr>
      <w:br/>
      <w:t>Risk Assessment Template</w:t>
    </w:r>
    <w:r>
      <w:rPr>
        <w:rFonts w:ascii="Rama Gothic E Regular" w:eastAsia="Times New Roman" w:hAnsi="Rama Gothic E Regular" w:cs="Arial"/>
        <w:sz w:val="48"/>
        <w:szCs w:val="42"/>
        <w:u w:val="single"/>
        <w:lang w:eastAsia="en-GB"/>
      </w:rPr>
      <w:br/>
    </w:r>
    <w:r w:rsidR="00A20BD2">
      <w:rPr>
        <w:rFonts w:ascii="Rama Gothic E Regular" w:eastAsia="Times New Roman" w:hAnsi="Rama Gothic E Regular" w:cs="Arial"/>
        <w:sz w:val="28"/>
        <w:szCs w:val="42"/>
        <w:lang w:eastAsia="en-GB"/>
      </w:rPr>
      <w:t>27</w:t>
    </w:r>
    <w:r w:rsidRPr="008C5DDC">
      <w:rPr>
        <w:rFonts w:ascii="Rama Gothic E Regular" w:eastAsia="Times New Roman" w:hAnsi="Rama Gothic E Regular" w:cs="Arial"/>
        <w:sz w:val="28"/>
        <w:szCs w:val="42"/>
        <w:lang w:eastAsia="en-GB"/>
      </w:rPr>
      <w:t>/11/2023</w:t>
    </w:r>
  </w:p>
  <w:p w14:paraId="64CD9D01" w14:textId="77777777" w:rsidR="00C036E5" w:rsidRDefault="00C036E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1174FB1"/>
    <w:multiLevelType w:val="hybridMultilevel"/>
    <w:tmpl w:val="AA88C41A"/>
    <w:lvl w:ilvl="0" w:tplc="E5489006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47158E0"/>
    <w:multiLevelType w:val="hybridMultilevel"/>
    <w:tmpl w:val="DFE4BD14"/>
    <w:lvl w:ilvl="0" w:tplc="B4968F96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51E494D"/>
    <w:multiLevelType w:val="hybridMultilevel"/>
    <w:tmpl w:val="FFCE0ADE"/>
    <w:lvl w:ilvl="0" w:tplc="A4A82AD2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7F73B38"/>
    <w:multiLevelType w:val="hybridMultilevel"/>
    <w:tmpl w:val="9BB03B5C"/>
    <w:lvl w:ilvl="0" w:tplc="D7D6D332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4356066E"/>
    <w:multiLevelType w:val="hybridMultilevel"/>
    <w:tmpl w:val="2978654C"/>
    <w:lvl w:ilvl="0" w:tplc="B6DA6542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DC82DBA"/>
    <w:multiLevelType w:val="hybridMultilevel"/>
    <w:tmpl w:val="B576F8FC"/>
    <w:lvl w:ilvl="0" w:tplc="0EA29946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98F2759"/>
    <w:multiLevelType w:val="hybridMultilevel"/>
    <w:tmpl w:val="8C8E9206"/>
    <w:lvl w:ilvl="0" w:tplc="E11E01D4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0"/>
  </w:num>
  <w:num w:numId="4">
    <w:abstractNumId w:val="1"/>
  </w:num>
  <w:num w:numId="5">
    <w:abstractNumId w:val="5"/>
  </w:num>
  <w:num w:numId="6">
    <w:abstractNumId w:val="3"/>
  </w:num>
  <w:num w:numId="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8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35333"/>
    <w:rsid w:val="00022108"/>
    <w:rsid w:val="00073D5C"/>
    <w:rsid w:val="000A29D9"/>
    <w:rsid w:val="000B0D68"/>
    <w:rsid w:val="000D0464"/>
    <w:rsid w:val="000E14F3"/>
    <w:rsid w:val="0015197B"/>
    <w:rsid w:val="00192F21"/>
    <w:rsid w:val="00193D3D"/>
    <w:rsid w:val="001E7565"/>
    <w:rsid w:val="00212C55"/>
    <w:rsid w:val="0022489C"/>
    <w:rsid w:val="002866B8"/>
    <w:rsid w:val="002A0C7A"/>
    <w:rsid w:val="002C6CDF"/>
    <w:rsid w:val="002F793B"/>
    <w:rsid w:val="003054FE"/>
    <w:rsid w:val="0032473A"/>
    <w:rsid w:val="0034698E"/>
    <w:rsid w:val="0035433A"/>
    <w:rsid w:val="0036315E"/>
    <w:rsid w:val="0036459D"/>
    <w:rsid w:val="003D4F21"/>
    <w:rsid w:val="00422B64"/>
    <w:rsid w:val="00433C29"/>
    <w:rsid w:val="004C07CC"/>
    <w:rsid w:val="005323EB"/>
    <w:rsid w:val="00537924"/>
    <w:rsid w:val="00541D6E"/>
    <w:rsid w:val="00682C68"/>
    <w:rsid w:val="00685711"/>
    <w:rsid w:val="006962B7"/>
    <w:rsid w:val="006E6C96"/>
    <w:rsid w:val="00755DF2"/>
    <w:rsid w:val="00771E01"/>
    <w:rsid w:val="007A55BD"/>
    <w:rsid w:val="00815819"/>
    <w:rsid w:val="008427D4"/>
    <w:rsid w:val="00845A6F"/>
    <w:rsid w:val="00861CE8"/>
    <w:rsid w:val="008A4EA8"/>
    <w:rsid w:val="008C5DDC"/>
    <w:rsid w:val="008F4BBF"/>
    <w:rsid w:val="00935333"/>
    <w:rsid w:val="009561C7"/>
    <w:rsid w:val="0096027A"/>
    <w:rsid w:val="009C2180"/>
    <w:rsid w:val="00A13AC9"/>
    <w:rsid w:val="00A20BD2"/>
    <w:rsid w:val="00A55D9D"/>
    <w:rsid w:val="00A92B8F"/>
    <w:rsid w:val="00A979E9"/>
    <w:rsid w:val="00AA21DD"/>
    <w:rsid w:val="00AB5902"/>
    <w:rsid w:val="00B05295"/>
    <w:rsid w:val="00B22268"/>
    <w:rsid w:val="00B63904"/>
    <w:rsid w:val="00B71E1A"/>
    <w:rsid w:val="00B87A7C"/>
    <w:rsid w:val="00BA4E4F"/>
    <w:rsid w:val="00BB3659"/>
    <w:rsid w:val="00BB4FF3"/>
    <w:rsid w:val="00C00879"/>
    <w:rsid w:val="00C036E5"/>
    <w:rsid w:val="00C274DD"/>
    <w:rsid w:val="00C6115C"/>
    <w:rsid w:val="00C700ED"/>
    <w:rsid w:val="00C72A2B"/>
    <w:rsid w:val="00CD11A1"/>
    <w:rsid w:val="00D52DA3"/>
    <w:rsid w:val="00D8245E"/>
    <w:rsid w:val="00D82BF7"/>
    <w:rsid w:val="00E262BF"/>
    <w:rsid w:val="00E72C89"/>
    <w:rsid w:val="00E73C9B"/>
    <w:rsid w:val="00E81E79"/>
    <w:rsid w:val="00E86EED"/>
    <w:rsid w:val="00E90ED0"/>
    <w:rsid w:val="00EC4D13"/>
    <w:rsid w:val="00F060B7"/>
    <w:rsid w:val="00F1342D"/>
    <w:rsid w:val="00F604E1"/>
    <w:rsid w:val="00F71A41"/>
    <w:rsid w:val="00F75A7E"/>
    <w:rsid w:val="00FF325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CE60D27"/>
  <w14:defaultImageDpi w14:val="32767"/>
  <w15:chartTrackingRefBased/>
  <w15:docId w15:val="{7E714268-7538-4608-A9A8-8CED905D82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935333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en-GB"/>
    </w:rPr>
  </w:style>
  <w:style w:type="paragraph" w:styleId="Header">
    <w:name w:val="header"/>
    <w:basedOn w:val="Normal"/>
    <w:link w:val="HeaderChar"/>
    <w:uiPriority w:val="99"/>
    <w:unhideWhenUsed/>
    <w:rsid w:val="00935333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935333"/>
  </w:style>
  <w:style w:type="paragraph" w:styleId="Footer">
    <w:name w:val="footer"/>
    <w:basedOn w:val="Normal"/>
    <w:link w:val="FooterChar"/>
    <w:uiPriority w:val="99"/>
    <w:unhideWhenUsed/>
    <w:rsid w:val="00935333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935333"/>
  </w:style>
  <w:style w:type="paragraph" w:styleId="ListParagraph">
    <w:name w:val="List Paragraph"/>
    <w:basedOn w:val="Normal"/>
    <w:uiPriority w:val="34"/>
    <w:qFormat/>
    <w:rsid w:val="00B87A7C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C6CDF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rsid w:val="002C6CDF"/>
    <w:rPr>
      <w:color w:val="605E5C"/>
      <w:shd w:val="clear" w:color="auto" w:fill="E1DFDD"/>
    </w:rPr>
  </w:style>
  <w:style w:type="table" w:styleId="TableGrid">
    <w:name w:val="Table Grid"/>
    <w:basedOn w:val="TableNormal"/>
    <w:uiPriority w:val="39"/>
    <w:rsid w:val="001E756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53297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4840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015018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1888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1317898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26181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9171332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16400449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7012364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7829370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25509070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581828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68644400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7419494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175035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20260109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6434157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970087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66699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6747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55268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16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63921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9571779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568305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416779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343075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2043999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  <w:div w:id="290089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4235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804281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235880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31892306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6323303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5175802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66848467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5201696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9719779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299544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5181777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98127408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738098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9613367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52340116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8014694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070306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59412584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140311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11104722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97837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141836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6139658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3170242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335065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28427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460842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093</TotalTime>
  <Pages>2</Pages>
  <Words>139</Words>
  <Characters>795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ucy Goodfellow</dc:creator>
  <cp:keywords/>
  <dc:description/>
  <cp:lastModifiedBy>Duncan Abrahart (Student President)</cp:lastModifiedBy>
  <cp:revision>2</cp:revision>
  <dcterms:created xsi:type="dcterms:W3CDTF">2023-11-16T14:33:00Z</dcterms:created>
  <dcterms:modified xsi:type="dcterms:W3CDTF">2023-11-28T15:48:00Z</dcterms:modified>
</cp:coreProperties>
</file>